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5-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5-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ldamb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schermopname, Lettertype, logo&#10;&#10;Automatisch gegenereerde beschrijving">
            <a:extLst>
              <a:ext uri="{FF2B5EF4-FFF2-40B4-BE49-F238E27FC236}">
                <a16:creationId xmlns:a16="http://schemas.microsoft.com/office/drawing/2014/main" id="{B9185FE3-4AC4-0533-99EC-0548063AE2A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17401" y="4709159"/>
            <a:ext cx="2413197" cy="195468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schermopname, Lettertype, logo&#10;&#10;Automatisch gegenereerde beschrijving">
            <a:extLst>
              <a:ext uri="{FF2B5EF4-FFF2-40B4-BE49-F238E27FC236}">
                <a16:creationId xmlns:a16="http://schemas.microsoft.com/office/drawing/2014/main" id="{1F6E6A5A-7000-B03A-C2F0-D0E240DF473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9769" y="4038600"/>
            <a:ext cx="1517461" cy="122914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2-05T13:53:56Z</dcterms:modified>
</cp:coreProperties>
</file>